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6" r:id="rId6"/>
    <p:sldId id="257" r:id="rId7"/>
    <p:sldId id="258" r:id="rId8"/>
    <p:sldId id="265" r:id="rId9"/>
    <p:sldId id="266" r:id="rId10"/>
    <p:sldId id="259" r:id="rId11"/>
    <p:sldId id="262" r:id="rId12"/>
    <p:sldId id="261" r:id="rId13"/>
    <p:sldId id="263" r:id="rId14"/>
    <p:sldId id="268" r:id="rId15"/>
    <p:sldId id="264" r:id="rId16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4660"/>
  </p:normalViewPr>
  <p:slideViewPr>
    <p:cSldViewPr snapToGrid="0">
      <p:cViewPr varScale="1">
        <p:scale>
          <a:sx n="71" d="100"/>
          <a:sy n="71" d="100"/>
        </p:scale>
        <p:origin x="56" y="7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10" Type="http://schemas.openxmlformats.org/officeDocument/2006/relationships/slide" Target="slides/slide5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1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D73B001E-6090-4EF6-95D4-7FDE0C9806E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12192000" cy="4294094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F7B2FB51-F755-4581-9702-1EB0276949AA}"/>
              </a:ext>
            </a:extLst>
          </p:cNvPr>
          <p:cNvSpPr txBox="1"/>
          <p:nvPr/>
        </p:nvSpPr>
        <p:spPr>
          <a:xfrm>
            <a:off x="365760" y="5276088"/>
            <a:ext cx="6739128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b="1" dirty="0"/>
              <a:t>Author : Sabyasachi Praharaj</a:t>
            </a:r>
          </a:p>
          <a:p>
            <a:r>
              <a:rPr lang="en-US" sz="1600" b="1" dirty="0"/>
              <a:t>                Mukesh Kumar Mishra</a:t>
            </a:r>
          </a:p>
          <a:p>
            <a:r>
              <a:rPr lang="en-US" sz="1600" b="1" dirty="0"/>
              <a:t>Up-grad Group : 100164 </a:t>
            </a:r>
            <a:endParaRPr lang="en-IN" sz="1600" b="1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CB21253-2DA3-4954-9D33-024DD967C705}"/>
              </a:ext>
            </a:extLst>
          </p:cNvPr>
          <p:cNvSpPr txBox="1"/>
          <p:nvPr/>
        </p:nvSpPr>
        <p:spPr>
          <a:xfrm>
            <a:off x="292608" y="4379976"/>
            <a:ext cx="6272784" cy="104644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4400" b="1" dirty="0"/>
              <a:t>Lending Club Case study </a:t>
            </a:r>
          </a:p>
          <a:p>
            <a:endParaRPr lang="en-IN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DCB30A-CB6A-43A4-9665-F04FB174F6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777875"/>
          </a:xfrm>
        </p:spPr>
        <p:txBody>
          <a:bodyPr/>
          <a:lstStyle/>
          <a:p>
            <a:r>
              <a:rPr lang="en-US" b="1" dirty="0"/>
              <a:t>Loan Approved vs Status (BI variate Analysis ) </a:t>
            </a:r>
            <a:endParaRPr lang="en-IN" b="1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9F3B6ED-0538-4DB6-A386-5CC0BE7F9284}"/>
              </a:ext>
            </a:extLst>
          </p:cNvPr>
          <p:cNvSpPr txBox="1"/>
          <p:nvPr/>
        </p:nvSpPr>
        <p:spPr>
          <a:xfrm>
            <a:off x="1033272" y="4636008"/>
            <a:ext cx="8924544" cy="14773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Observations 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Company funds more loans with home mortgaged clients 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They fund very less loans  for beneficiaries having their own homes. The beneficiaries having their own homes are least likely to delinq. </a:t>
            </a:r>
          </a:p>
          <a:p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035EE2A-2D76-424B-BBB5-AFB7FE6372F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8237" y="1143000"/>
            <a:ext cx="4683180" cy="3009102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12F1DAA3-1934-4DDB-840D-BF26D8F305D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131417" y="896206"/>
            <a:ext cx="5845566" cy="32558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073678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AA8E9A3E-B945-4124-AA09-20F439010EC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12192000" cy="4294094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D497E839-C944-40E9-A221-2AE2F07B8BE4}"/>
              </a:ext>
            </a:extLst>
          </p:cNvPr>
          <p:cNvSpPr/>
          <p:nvPr/>
        </p:nvSpPr>
        <p:spPr>
          <a:xfrm>
            <a:off x="349911" y="4491335"/>
            <a:ext cx="3226717" cy="923330"/>
          </a:xfrm>
          <a:prstGeom prst="rect">
            <a:avLst/>
          </a:prstGeom>
          <a:noFill/>
        </p:spPr>
        <p:txBody>
          <a:bodyPr wrap="none" lIns="91440" tIns="45720" rIns="91440" bIns="45720">
            <a:spAutoFit/>
          </a:bodyPr>
          <a:lstStyle/>
          <a:p>
            <a:pPr algn="ctr"/>
            <a:r>
              <a:rPr lang="en-US" sz="5400" dirty="0">
                <a:ln w="0"/>
                <a:solidFill>
                  <a:schemeClr val="accent1"/>
                </a:solidFill>
                <a:effectLst>
                  <a:outerShdw blurRad="38100" dist="25400" dir="5400000" algn="ctr" rotWithShape="0">
                    <a:srgbClr val="6E747A">
                      <a:alpha val="43000"/>
                    </a:srgbClr>
                  </a:outerShdw>
                </a:effectLst>
              </a:rPr>
              <a:t>Thank You </a:t>
            </a:r>
            <a:endParaRPr lang="en-US" sz="5400" b="0" cap="none" spc="0" dirty="0">
              <a:ln w="0"/>
              <a:solidFill>
                <a:schemeClr val="accent1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</a:endParaRPr>
          </a:p>
        </p:txBody>
      </p:sp>
    </p:spTree>
    <p:extLst>
      <p:ext uri="{BB962C8B-B14F-4D97-AF65-F5344CB8AC3E}">
        <p14:creationId xmlns:p14="http://schemas.microsoft.com/office/powerpoint/2010/main" val="291079150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8087BEB-B01A-4CD7-BDF3-85D48BADA7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823595"/>
          </a:xfrm>
        </p:spPr>
        <p:txBody>
          <a:bodyPr/>
          <a:lstStyle/>
          <a:p>
            <a:r>
              <a:rPr lang="en-US" b="1" dirty="0"/>
              <a:t>Introduction </a:t>
            </a:r>
            <a:endParaRPr lang="en-IN" b="1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D43648E-C9F2-46F2-966F-35949312606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4504" y="1523873"/>
            <a:ext cx="10515600" cy="4351338"/>
          </a:xfrm>
        </p:spPr>
        <p:txBody>
          <a:bodyPr/>
          <a:lstStyle/>
          <a:p>
            <a:endParaRPr lang="en-US" dirty="0"/>
          </a:p>
          <a:p>
            <a:r>
              <a:rPr lang="en-US" sz="2400" dirty="0"/>
              <a:t>A lending club essentially provides Seamless Access of Financial scope for the Deserving </a:t>
            </a:r>
          </a:p>
          <a:p>
            <a:r>
              <a:rPr lang="en-US" sz="2400" dirty="0"/>
              <a:t>Our case study  is about a General Insight into the Lending business</a:t>
            </a:r>
          </a:p>
          <a:p>
            <a:r>
              <a:rPr lang="en-US" sz="2400" dirty="0"/>
              <a:t> Using Data as a tool to Enhance &amp; optimize Business of the club</a:t>
            </a:r>
          </a:p>
          <a:p>
            <a:r>
              <a:rPr lang="en-US" sz="2400" dirty="0"/>
              <a:t> Data Enrichment with technology for Better insights  </a:t>
            </a:r>
            <a:endParaRPr lang="en-IN" sz="2400" dirty="0"/>
          </a:p>
        </p:txBody>
      </p:sp>
    </p:spTree>
    <p:extLst>
      <p:ext uri="{BB962C8B-B14F-4D97-AF65-F5344CB8AC3E}">
        <p14:creationId xmlns:p14="http://schemas.microsoft.com/office/powerpoint/2010/main" val="13136061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079ED6-92B6-4B57-B606-DBDC24016CE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8682318" cy="854075"/>
          </a:xfrm>
        </p:spPr>
        <p:txBody>
          <a:bodyPr/>
          <a:lstStyle/>
          <a:p>
            <a:r>
              <a:rPr lang="en-US" b="1" dirty="0"/>
              <a:t>Problem statement </a:t>
            </a:r>
            <a:endParaRPr lang="en-IN" b="1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DCABDDF-9944-4F7A-9051-86C39F772BB7}"/>
              </a:ext>
            </a:extLst>
          </p:cNvPr>
          <p:cNvSpPr txBox="1"/>
          <p:nvPr/>
        </p:nvSpPr>
        <p:spPr>
          <a:xfrm>
            <a:off x="950258" y="1732020"/>
            <a:ext cx="10399059" cy="203132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dirty="0"/>
              <a:t>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dirty="0"/>
              <a:t>Our case study  is about a </a:t>
            </a:r>
            <a:r>
              <a:rPr lang="en-US" dirty="0"/>
              <a:t>detail analysis of the lending club investment data available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dirty="0"/>
              <a:t>The results are to be in a way to enable club to invest in a optimized way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Finding data insights for improvement of business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dirty="0"/>
              <a:t>Using the given data as a tool for carving opportunities for the lending club .</a:t>
            </a:r>
          </a:p>
          <a:p>
            <a:endParaRPr lang="en-US" sz="1800" dirty="0"/>
          </a:p>
          <a:p>
            <a:r>
              <a:rPr lang="en-US" sz="1800" dirty="0"/>
              <a:t> </a:t>
            </a:r>
            <a:endParaRPr lang="en-IN" sz="1800" dirty="0"/>
          </a:p>
        </p:txBody>
      </p:sp>
    </p:spTree>
    <p:extLst>
      <p:ext uri="{BB962C8B-B14F-4D97-AF65-F5344CB8AC3E}">
        <p14:creationId xmlns:p14="http://schemas.microsoft.com/office/powerpoint/2010/main" val="260270899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DCB30A-CB6A-43A4-9665-F04FB174F6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777875"/>
          </a:xfrm>
        </p:spPr>
        <p:txBody>
          <a:bodyPr/>
          <a:lstStyle/>
          <a:p>
            <a:r>
              <a:rPr lang="en-US" b="1" dirty="0"/>
              <a:t>Univariate  Analysis </a:t>
            </a:r>
            <a:endParaRPr lang="en-IN" b="1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9F3B6ED-0538-4DB6-A386-5CC0BE7F9284}"/>
              </a:ext>
            </a:extLst>
          </p:cNvPr>
          <p:cNvSpPr txBox="1"/>
          <p:nvPr/>
        </p:nvSpPr>
        <p:spPr>
          <a:xfrm>
            <a:off x="1033272" y="4636008"/>
            <a:ext cx="8924544" cy="203132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Observations 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  Highest Funded  loans are in the ranges of 5000 to 20000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  Payment received are in the ranges 10000 to 20000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  The club funds less loans if the loan amount is higher than 25k </a:t>
            </a:r>
          </a:p>
          <a:p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endParaRPr lang="en-IN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60208EC9-5BDC-4A6D-868F-762C4C7A7EB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83559" y="1661272"/>
            <a:ext cx="5861239" cy="246249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A3663BA1-AEEF-4776-A6AE-26A04F2503E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29083" y="1661272"/>
            <a:ext cx="5179358" cy="246249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6455548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DCB30A-CB6A-43A4-9665-F04FB174F6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777875"/>
          </a:xfrm>
        </p:spPr>
        <p:txBody>
          <a:bodyPr/>
          <a:lstStyle/>
          <a:p>
            <a:r>
              <a:rPr lang="en-US" b="1" dirty="0"/>
              <a:t>Annual income vs Status (BI variate Analysis ) </a:t>
            </a:r>
            <a:endParaRPr lang="en-IN" b="1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9F3B6ED-0538-4DB6-A386-5CC0BE7F9284}"/>
              </a:ext>
            </a:extLst>
          </p:cNvPr>
          <p:cNvSpPr txBox="1"/>
          <p:nvPr/>
        </p:nvSpPr>
        <p:spPr>
          <a:xfrm>
            <a:off x="1033272" y="4636008"/>
            <a:ext cx="8924544" cy="138499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Observations 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This Bivariate plot displays that beneficiaries with annual income more that 70000 are more likely to repay the loans  .Hence the beneficiaries with higher annual income are potential customers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/>
              <a:t>Candidates with annual income lesser that 70k are more likely to default  and  a potential loss</a:t>
            </a:r>
          </a:p>
          <a:p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75A1A60-0D2B-4CE6-B2ED-9D39BB07284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51530" y="1137673"/>
            <a:ext cx="7091922" cy="34983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781315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DCB30A-CB6A-43A4-9665-F04FB174F6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777875"/>
          </a:xfrm>
        </p:spPr>
        <p:txBody>
          <a:bodyPr/>
          <a:lstStyle/>
          <a:p>
            <a:r>
              <a:rPr lang="en-US" b="1" dirty="0"/>
              <a:t>Loan Approved vs Status (BI variate Analysis ) </a:t>
            </a:r>
            <a:endParaRPr lang="en-IN" b="1" dirty="0"/>
          </a:p>
        </p:txBody>
      </p:sp>
      <p:pic>
        <p:nvPicPr>
          <p:cNvPr id="9" name="Content Placeholder 8">
            <a:extLst>
              <a:ext uri="{FF2B5EF4-FFF2-40B4-BE49-F238E27FC236}">
                <a16:creationId xmlns:a16="http://schemas.microsoft.com/office/drawing/2014/main" id="{F4AAED6F-92EA-46BB-AA88-6C0858C02EA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99076" y="1225082"/>
            <a:ext cx="5063749" cy="3222386"/>
          </a:xfr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9B905045-5CB3-453D-AAAE-FC8FC0E8C3D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27285" y="1261872"/>
            <a:ext cx="4926515" cy="3222386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39F3B6ED-0538-4DB6-A386-5CC0BE7F9284}"/>
              </a:ext>
            </a:extLst>
          </p:cNvPr>
          <p:cNvSpPr txBox="1"/>
          <p:nvPr/>
        </p:nvSpPr>
        <p:spPr>
          <a:xfrm>
            <a:off x="1033272" y="4636008"/>
            <a:ext cx="8924544" cy="120032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Observations 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General comparison between Loan approved and Loan paid 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Showcases the charged off values  against the funded amount  </a:t>
            </a:r>
          </a:p>
          <a:p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269562294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DCB30A-CB6A-43A4-9665-F04FB174F6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777875"/>
          </a:xfrm>
        </p:spPr>
        <p:txBody>
          <a:bodyPr>
            <a:normAutofit fontScale="90000"/>
          </a:bodyPr>
          <a:lstStyle/>
          <a:p>
            <a:r>
              <a:rPr lang="en-US" b="1" dirty="0"/>
              <a:t>Interest rate/Term vs Status (BI variate Analysis ) </a:t>
            </a:r>
            <a:endParaRPr lang="en-IN" b="1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9F3B6ED-0538-4DB6-A386-5CC0BE7F9284}"/>
              </a:ext>
            </a:extLst>
          </p:cNvPr>
          <p:cNvSpPr txBox="1"/>
          <p:nvPr/>
        </p:nvSpPr>
        <p:spPr>
          <a:xfrm>
            <a:off x="1033272" y="4636008"/>
            <a:ext cx="8924544" cy="203132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Observations : </a:t>
            </a:r>
          </a:p>
          <a:p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Loans with higher interest rate (rate &gt; 11 )  are most likely to default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Loans with lower interest rate (rate &lt; 11 )  are most likely to be successful cas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Loans with a greater term( term &gt; 40)  are most likely to default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85BCCC2-24C0-4EF0-98DF-E7BE6DE1E26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33272" y="1288251"/>
            <a:ext cx="5363721" cy="3204882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75F0E30F-4C70-4802-BC02-9FF7D2571A0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96993" y="1285875"/>
            <a:ext cx="5410646" cy="33501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9120516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DCB30A-CB6A-43A4-9665-F04FB174F6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777875"/>
          </a:xfrm>
        </p:spPr>
        <p:txBody>
          <a:bodyPr/>
          <a:lstStyle/>
          <a:p>
            <a:r>
              <a:rPr lang="en-US" b="1" dirty="0"/>
              <a:t>De-linq vs Purpose (BI variate Analysis ) </a:t>
            </a:r>
            <a:endParaRPr lang="en-IN" b="1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9F3B6ED-0538-4DB6-A386-5CC0BE7F9284}"/>
              </a:ext>
            </a:extLst>
          </p:cNvPr>
          <p:cNvSpPr txBox="1"/>
          <p:nvPr/>
        </p:nvSpPr>
        <p:spPr>
          <a:xfrm>
            <a:off x="1033272" y="4636008"/>
            <a:ext cx="8924544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Observations 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Medical loans and Wedding loans have a higher de-linq record </a:t>
            </a:r>
          </a:p>
          <a:p>
            <a:r>
              <a:rPr lang="en-IN" dirty="0"/>
              <a:t>      Hence this kind of loans can be taken with caution 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9F855504-5E9A-407D-ACE4-F55E8C320D9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163670" y="1214718"/>
            <a:ext cx="5860408" cy="31665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031869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C15CB9-338E-4FCC-965F-F3ACDD00160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b="1" dirty="0"/>
              <a:t>Multi-variate Analysis  </a:t>
            </a:r>
            <a:endParaRPr lang="en-IN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4F7A41C-9BF1-4832-85DC-C98FF216DCE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49112" y="2267712"/>
            <a:ext cx="6225971" cy="4305335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8352DC15-ADFB-41D1-8260-DD923E04D06D}"/>
              </a:ext>
            </a:extLst>
          </p:cNvPr>
          <p:cNvSpPr txBox="1"/>
          <p:nvPr/>
        </p:nvSpPr>
        <p:spPr>
          <a:xfrm>
            <a:off x="573024" y="1926336"/>
            <a:ext cx="4492752" cy="230832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Observations : </a:t>
            </a:r>
          </a:p>
          <a:p>
            <a:pPr marL="342900" indent="-342900">
              <a:buAutoNum type="arabicParenR"/>
            </a:pPr>
            <a:r>
              <a:rPr lang="en-US" dirty="0"/>
              <a:t>Beneficiaries with a mortgaged house have a higher rate of fully paid scenario as compared to other home owner ship </a:t>
            </a:r>
          </a:p>
          <a:p>
            <a:pPr marL="342900" indent="-342900">
              <a:buAutoNum type="arabicParenR"/>
            </a:pPr>
            <a:endParaRPr lang="en-US" dirty="0"/>
          </a:p>
          <a:p>
            <a:pPr marL="342900" indent="-342900">
              <a:buAutoNum type="arabicParenR"/>
            </a:pPr>
            <a:r>
              <a:rPr lang="en-US" dirty="0"/>
              <a:t>Beneficiaries with their own house are least likely to charge off .</a:t>
            </a:r>
          </a:p>
          <a:p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2716430103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213</TotalTime>
  <Words>421</Words>
  <Application>Microsoft Office PowerPoint</Application>
  <PresentationFormat>Widescreen</PresentationFormat>
  <Paragraphs>52</Paragraphs>
  <Slides>1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5" baseType="lpstr">
      <vt:lpstr>Arial</vt:lpstr>
      <vt:lpstr>Calibri</vt:lpstr>
      <vt:lpstr>Calibri Light</vt:lpstr>
      <vt:lpstr>Office Theme</vt:lpstr>
      <vt:lpstr>PowerPoint Presentation</vt:lpstr>
      <vt:lpstr>Introduction </vt:lpstr>
      <vt:lpstr>Problem statement </vt:lpstr>
      <vt:lpstr>Univariate  Analysis </vt:lpstr>
      <vt:lpstr>Annual income vs Status (BI variate Analysis ) </vt:lpstr>
      <vt:lpstr>Loan Approved vs Status (BI variate Analysis ) </vt:lpstr>
      <vt:lpstr>Interest rate/Term vs Status (BI variate Analysis ) </vt:lpstr>
      <vt:lpstr>De-linq vs Purpose (BI variate Analysis ) </vt:lpstr>
      <vt:lpstr>Multi-variate Analysis  </vt:lpstr>
      <vt:lpstr>Loan Approved vs Status (BI variate Analysis ) 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Praharaj, Sabyasachi</dc:creator>
  <cp:lastModifiedBy>Praharaj, Sabyasachi</cp:lastModifiedBy>
  <cp:revision>4</cp:revision>
  <dcterms:created xsi:type="dcterms:W3CDTF">2022-09-06T09:01:22Z</dcterms:created>
  <dcterms:modified xsi:type="dcterms:W3CDTF">2022-10-05T09:20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19949855107529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